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6"/>
  </p:sldMasterIdLst>
  <p:notesMasterIdLst>
    <p:notesMasterId r:id="rId24"/>
  </p:notesMasterIdLst>
  <p:handoutMasterIdLst>
    <p:handoutMasterId r:id="rId25"/>
  </p:handoutMasterIdLst>
  <p:sldIdLst>
    <p:sldId id="271" r:id="rId17"/>
    <p:sldId id="270" r:id="rId18"/>
    <p:sldId id="273" r:id="rId19"/>
    <p:sldId id="278" r:id="rId20"/>
    <p:sldId id="279" r:id="rId21"/>
    <p:sldId id="280" r:id="rId22"/>
    <p:sldId id="261" r:id="rId23"/>
  </p:sldIdLst>
  <p:sldSz cx="12192000" cy="6858000"/>
  <p:notesSz cx="6858000" cy="9144000"/>
  <p:embeddedFontLst>
    <p:embeddedFont>
      <p:font typeface="Ericsson Hilda" panose="00000500000000000000" pitchFamily="2" charset="0"/>
      <p:regular r:id="rId26"/>
      <p:bold r:id="rId27"/>
    </p:embeddedFont>
    <p:embeddedFont>
      <p:font typeface="Ericsson Hilda Light" panose="00000400000000000000" pitchFamily="2" charset="0"/>
      <p:regular r:id="rId28"/>
    </p:embeddedFont>
    <p:embeddedFont>
      <p:font typeface="Ericsson Technical Icons" panose="00000500000000000000" pitchFamily="2" charset="0"/>
      <p:regular r:id="rId29"/>
      <p:bold r:id="rId30"/>
      <p:italic r:id="rId31"/>
      <p:boldItalic r:id="rId32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F491F8D-D760-467D-AC03-57C4EEDF6134}" v="84" dt="2020-01-10T14:04:13.479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021" autoAdjust="0"/>
    <p:restoredTop sz="93284" autoAdjust="0"/>
  </p:normalViewPr>
  <p:slideViewPr>
    <p:cSldViewPr snapToGrid="0" snapToObjects="1" showGuides="1">
      <p:cViewPr varScale="1">
        <p:scale>
          <a:sx n="74" d="100"/>
          <a:sy n="74" d="100"/>
        </p:scale>
        <p:origin x="60" y="106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handoutMaster" Target="handoutMasters/handoutMaster1.xml"/><Relationship Id="rId33" Type="http://schemas.openxmlformats.org/officeDocument/2006/relationships/presProps" Target="presProps.xml"/><Relationship Id="rId38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font" Target="fonts/font4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32" Type="http://schemas.openxmlformats.org/officeDocument/2006/relationships/font" Target="fonts/font7.fntdata"/><Relationship Id="rId37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font" Target="fonts/font3.fntdata"/><Relationship Id="rId36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font" Target="fonts/font2.fntdata"/><Relationship Id="rId30" Type="http://schemas.openxmlformats.org/officeDocument/2006/relationships/font" Target="fonts/font5.fntdata"/><Relationship Id="rId35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nders Furuskär" userId="5c9f1a7d-b689-4c3c-9fb9-968669d3c21c" providerId="ADAL" clId="{7765E0E6-E566-4A34-A509-1F30C54C065B}"/>
    <pc:docChg chg="custSel addSld delSld modSld">
      <pc:chgData name="Anders Furuskär" userId="5c9f1a7d-b689-4c3c-9fb9-968669d3c21c" providerId="ADAL" clId="{7765E0E6-E566-4A34-A509-1F30C54C065B}" dt="2019-12-20T14:10:57.702" v="1281" actId="20577"/>
      <pc:docMkLst>
        <pc:docMk/>
      </pc:docMkLst>
      <pc:sldChg chg="modSp">
        <pc:chgData name="Anders Furuskär" userId="5c9f1a7d-b689-4c3c-9fb9-968669d3c21c" providerId="ADAL" clId="{7765E0E6-E566-4A34-A509-1F30C54C065B}" dt="2019-12-20T13:59:43.556" v="21" actId="5793"/>
        <pc:sldMkLst>
          <pc:docMk/>
          <pc:sldMk cId="3709959988" sldId="270"/>
        </pc:sldMkLst>
        <pc:spChg chg="mod">
          <ac:chgData name="Anders Furuskär" userId="5c9f1a7d-b689-4c3c-9fb9-968669d3c21c" providerId="ADAL" clId="{7765E0E6-E566-4A34-A509-1F30C54C065B}" dt="2019-12-20T13:59:43.556" v="21" actId="5793"/>
          <ac:spMkLst>
            <pc:docMk/>
            <pc:sldMk cId="3709959988" sldId="270"/>
            <ac:spMk id="5" creationId="{393A08AF-E8DD-44C5-A85C-B1192DD283A4}"/>
          </ac:spMkLst>
        </pc:spChg>
      </pc:sldChg>
      <pc:sldChg chg="modSp">
        <pc:chgData name="Anders Furuskär" userId="5c9f1a7d-b689-4c3c-9fb9-968669d3c21c" providerId="ADAL" clId="{7765E0E6-E566-4A34-A509-1F30C54C065B}" dt="2019-12-20T13:59:28.551" v="3" actId="20577"/>
        <pc:sldMkLst>
          <pc:docMk/>
          <pc:sldMk cId="2230748882" sldId="271"/>
        </pc:sldMkLst>
        <pc:spChg chg="mod">
          <ac:chgData name="Anders Furuskär" userId="5c9f1a7d-b689-4c3c-9fb9-968669d3c21c" providerId="ADAL" clId="{7765E0E6-E566-4A34-A509-1F30C54C065B}" dt="2019-12-20T13:59:28.551" v="3" actId="20577"/>
          <ac:spMkLst>
            <pc:docMk/>
            <pc:sldMk cId="2230748882" sldId="271"/>
            <ac:spMk id="3" creationId="{17D5CE7D-CCF0-44B0-843A-8D46859C44EE}"/>
          </ac:spMkLst>
        </pc:spChg>
      </pc:sldChg>
      <pc:sldChg chg="modSp">
        <pc:chgData name="Anders Furuskär" userId="5c9f1a7d-b689-4c3c-9fb9-968669d3c21c" providerId="ADAL" clId="{7765E0E6-E566-4A34-A509-1F30C54C065B}" dt="2019-12-20T13:59:50.161" v="25" actId="20577"/>
        <pc:sldMkLst>
          <pc:docMk/>
          <pc:sldMk cId="1326196502" sldId="273"/>
        </pc:sldMkLst>
        <pc:spChg chg="mod">
          <ac:chgData name="Anders Furuskär" userId="5c9f1a7d-b689-4c3c-9fb9-968669d3c21c" providerId="ADAL" clId="{7765E0E6-E566-4A34-A509-1F30C54C065B}" dt="2019-12-20T13:59:50.161" v="25" actId="20577"/>
          <ac:spMkLst>
            <pc:docMk/>
            <pc:sldMk cId="1326196502" sldId="273"/>
            <ac:spMk id="3" creationId="{17D5CE7D-CCF0-44B0-843A-8D46859C44EE}"/>
          </ac:spMkLst>
        </pc:spChg>
      </pc:sldChg>
      <pc:sldChg chg="modSp">
        <pc:chgData name="Anders Furuskär" userId="5c9f1a7d-b689-4c3c-9fb9-968669d3c21c" providerId="ADAL" clId="{7765E0E6-E566-4A34-A509-1F30C54C065B}" dt="2019-12-20T14:03:10.843" v="361" actId="20577"/>
        <pc:sldMkLst>
          <pc:docMk/>
          <pc:sldMk cId="2232092640" sldId="278"/>
        </pc:sldMkLst>
        <pc:spChg chg="mod">
          <ac:chgData name="Anders Furuskär" userId="5c9f1a7d-b689-4c3c-9fb9-968669d3c21c" providerId="ADAL" clId="{7765E0E6-E566-4A34-A509-1F30C54C065B}" dt="2019-12-20T14:03:10.843" v="361" actId="20577"/>
          <ac:spMkLst>
            <pc:docMk/>
            <pc:sldMk cId="2232092640" sldId="278"/>
            <ac:spMk id="9" creationId="{CF0B8360-8EFB-47B8-A060-8BACF6A1DE49}"/>
          </ac:spMkLst>
        </pc:spChg>
      </pc:sldChg>
      <pc:sldChg chg="modSp add">
        <pc:chgData name="Anders Furuskär" userId="5c9f1a7d-b689-4c3c-9fb9-968669d3c21c" providerId="ADAL" clId="{7765E0E6-E566-4A34-A509-1F30C54C065B}" dt="2019-12-20T14:05:41.845" v="676" actId="6549"/>
        <pc:sldMkLst>
          <pc:docMk/>
          <pc:sldMk cId="2687221949" sldId="279"/>
        </pc:sldMkLst>
        <pc:spChg chg="mod">
          <ac:chgData name="Anders Furuskär" userId="5c9f1a7d-b689-4c3c-9fb9-968669d3c21c" providerId="ADAL" clId="{7765E0E6-E566-4A34-A509-1F30C54C065B}" dt="2019-12-20T14:03:26.786" v="369" actId="20577"/>
          <ac:spMkLst>
            <pc:docMk/>
            <pc:sldMk cId="2687221949" sldId="279"/>
            <ac:spMk id="8" creationId="{F43A1B8E-DC95-4EE1-BC70-5E5AA4615922}"/>
          </ac:spMkLst>
        </pc:spChg>
        <pc:spChg chg="mod">
          <ac:chgData name="Anders Furuskär" userId="5c9f1a7d-b689-4c3c-9fb9-968669d3c21c" providerId="ADAL" clId="{7765E0E6-E566-4A34-A509-1F30C54C065B}" dt="2019-12-20T14:05:41.845" v="676" actId="6549"/>
          <ac:spMkLst>
            <pc:docMk/>
            <pc:sldMk cId="2687221949" sldId="279"/>
            <ac:spMk id="9" creationId="{CF0B8360-8EFB-47B8-A060-8BACF6A1DE49}"/>
          </ac:spMkLst>
        </pc:spChg>
      </pc:sldChg>
      <pc:sldChg chg="modSp add">
        <pc:chgData name="Anders Furuskär" userId="5c9f1a7d-b689-4c3c-9fb9-968669d3c21c" providerId="ADAL" clId="{7765E0E6-E566-4A34-A509-1F30C54C065B}" dt="2019-12-20T14:10:57.702" v="1281" actId="20577"/>
        <pc:sldMkLst>
          <pc:docMk/>
          <pc:sldMk cId="3161042709" sldId="280"/>
        </pc:sldMkLst>
        <pc:spChg chg="mod">
          <ac:chgData name="Anders Furuskär" userId="5c9f1a7d-b689-4c3c-9fb9-968669d3c21c" providerId="ADAL" clId="{7765E0E6-E566-4A34-A509-1F30C54C065B}" dt="2019-12-20T14:06:01.817" v="693" actId="20577"/>
          <ac:spMkLst>
            <pc:docMk/>
            <pc:sldMk cId="3161042709" sldId="280"/>
            <ac:spMk id="8" creationId="{F43A1B8E-DC95-4EE1-BC70-5E5AA4615922}"/>
          </ac:spMkLst>
        </pc:spChg>
        <pc:spChg chg="mod">
          <ac:chgData name="Anders Furuskär" userId="5c9f1a7d-b689-4c3c-9fb9-968669d3c21c" providerId="ADAL" clId="{7765E0E6-E566-4A34-A509-1F30C54C065B}" dt="2019-12-20T14:10:57.702" v="1281" actId="20577"/>
          <ac:spMkLst>
            <pc:docMk/>
            <pc:sldMk cId="3161042709" sldId="280"/>
            <ac:spMk id="9" creationId="{CF0B8360-8EFB-47B8-A060-8BACF6A1DE49}"/>
          </ac:spMkLst>
        </pc:spChg>
      </pc:sldChg>
    </pc:docChg>
  </pc:docChgLst>
  <pc:docChgLst>
    <pc:chgData name="Anders Furuskär" userId="5c9f1a7d-b689-4c3c-9fb9-968669d3c21c" providerId="ADAL" clId="{9F491F8D-D760-467D-AC03-57C4EEDF6134}"/>
    <pc:docChg chg="custSel addSld delSld modSld modMainMaster">
      <pc:chgData name="Anders Furuskär" userId="5c9f1a7d-b689-4c3c-9fb9-968669d3c21c" providerId="ADAL" clId="{9F491F8D-D760-467D-AC03-57C4EEDF6134}" dt="2020-01-10T14:04:13.479" v="545"/>
      <pc:docMkLst>
        <pc:docMk/>
      </pc:docMkLst>
      <pc:sldChg chg="modSp">
        <pc:chgData name="Anders Furuskär" userId="5c9f1a7d-b689-4c3c-9fb9-968669d3c21c" providerId="ADAL" clId="{9F491F8D-D760-467D-AC03-57C4EEDF6134}" dt="2020-01-10T14:04:13.057" v="209" actId="790"/>
        <pc:sldMkLst>
          <pc:docMk/>
          <pc:sldMk cId="1383928708" sldId="261"/>
        </pc:sldMkLst>
        <pc:spChg chg="mod">
          <ac:chgData name="Anders Furuskär" userId="5c9f1a7d-b689-4c3c-9fb9-968669d3c21c" providerId="ADAL" clId="{9F491F8D-D760-467D-AC03-57C4EEDF6134}" dt="2020-01-10T14:04:13.057" v="209" actId="790"/>
          <ac:spMkLst>
            <pc:docMk/>
            <pc:sldMk cId="1383928708" sldId="261"/>
            <ac:spMk id="4" creationId="{6FF69E04-8523-4965-90ED-73D4F9BAE271}"/>
          </ac:spMkLst>
        </pc:spChg>
      </pc:sldChg>
      <pc:sldChg chg="modSp">
        <pc:chgData name="Anders Furuskär" userId="5c9f1a7d-b689-4c3c-9fb9-968669d3c21c" providerId="ADAL" clId="{9F491F8D-D760-467D-AC03-57C4EEDF6134}" dt="2020-01-10T14:04:13.045" v="196" actId="790"/>
        <pc:sldMkLst>
          <pc:docMk/>
          <pc:sldMk cId="3709959988" sldId="270"/>
        </pc:sldMkLst>
        <pc:spChg chg="mod">
          <ac:chgData name="Anders Furuskär" userId="5c9f1a7d-b689-4c3c-9fb9-968669d3c21c" providerId="ADAL" clId="{9F491F8D-D760-467D-AC03-57C4EEDF6134}" dt="2020-01-10T14:04:13.043" v="195" actId="790"/>
          <ac:spMkLst>
            <pc:docMk/>
            <pc:sldMk cId="3709959988" sldId="270"/>
            <ac:spMk id="4" creationId="{EA7D4468-58D5-40D1-8182-8FDBCEF777E1}"/>
          </ac:spMkLst>
        </pc:spChg>
        <pc:spChg chg="mod">
          <ac:chgData name="Anders Furuskär" userId="5c9f1a7d-b689-4c3c-9fb9-968669d3c21c" providerId="ADAL" clId="{9F491F8D-D760-467D-AC03-57C4EEDF6134}" dt="2020-01-10T14:04:13.045" v="196" actId="790"/>
          <ac:spMkLst>
            <pc:docMk/>
            <pc:sldMk cId="3709959988" sldId="270"/>
            <ac:spMk id="5" creationId="{393A08AF-E8DD-44C5-A85C-B1192DD283A4}"/>
          </ac:spMkLst>
        </pc:spChg>
      </pc:sldChg>
      <pc:sldChg chg="modSp">
        <pc:chgData name="Anders Furuskär" userId="5c9f1a7d-b689-4c3c-9fb9-968669d3c21c" providerId="ADAL" clId="{9F491F8D-D760-467D-AC03-57C4EEDF6134}" dt="2020-01-10T14:04:13.043" v="194" actId="790"/>
        <pc:sldMkLst>
          <pc:docMk/>
          <pc:sldMk cId="2230748882" sldId="271"/>
        </pc:sldMkLst>
        <pc:spChg chg="mod">
          <ac:chgData name="Anders Furuskär" userId="5c9f1a7d-b689-4c3c-9fb9-968669d3c21c" providerId="ADAL" clId="{9F491F8D-D760-467D-AC03-57C4EEDF6134}" dt="2020-01-10T14:04:13.039" v="189" actId="790"/>
          <ac:spMkLst>
            <pc:docMk/>
            <pc:sldMk cId="2230748882" sldId="271"/>
            <ac:spMk id="2" creationId="{F54D311D-2157-4A35-9F56-0E8FE9FDD7BC}"/>
          </ac:spMkLst>
        </pc:spChg>
        <pc:spChg chg="mod">
          <ac:chgData name="Anders Furuskär" userId="5c9f1a7d-b689-4c3c-9fb9-968669d3c21c" providerId="ADAL" clId="{9F491F8D-D760-467D-AC03-57C4EEDF6134}" dt="2020-01-10T14:04:13.040" v="190" actId="790"/>
          <ac:spMkLst>
            <pc:docMk/>
            <pc:sldMk cId="2230748882" sldId="271"/>
            <ac:spMk id="3" creationId="{17D5CE7D-CCF0-44B0-843A-8D46859C44EE}"/>
          </ac:spMkLst>
        </pc:spChg>
        <pc:spChg chg="mod">
          <ac:chgData name="Anders Furuskär" userId="5c9f1a7d-b689-4c3c-9fb9-968669d3c21c" providerId="ADAL" clId="{9F491F8D-D760-467D-AC03-57C4EEDF6134}" dt="2020-01-10T14:04:13.041" v="191" actId="790"/>
          <ac:spMkLst>
            <pc:docMk/>
            <pc:sldMk cId="2230748882" sldId="271"/>
            <ac:spMk id="4" creationId="{6A927E07-3624-45B8-934B-C229726CA813}"/>
          </ac:spMkLst>
        </pc:spChg>
        <pc:spChg chg="mod">
          <ac:chgData name="Anders Furuskär" userId="5c9f1a7d-b689-4c3c-9fb9-968669d3c21c" providerId="ADAL" clId="{9F491F8D-D760-467D-AC03-57C4EEDF6134}" dt="2020-01-10T14:04:13.041" v="192" actId="790"/>
          <ac:spMkLst>
            <pc:docMk/>
            <pc:sldMk cId="2230748882" sldId="271"/>
            <ac:spMk id="5" creationId="{0D8DE8B4-7BAB-4C18-A0E5-01D3A11D374F}"/>
          </ac:spMkLst>
        </pc:spChg>
        <pc:spChg chg="mod">
          <ac:chgData name="Anders Furuskär" userId="5c9f1a7d-b689-4c3c-9fb9-968669d3c21c" providerId="ADAL" clId="{9F491F8D-D760-467D-AC03-57C4EEDF6134}" dt="2020-01-10T14:04:13.042" v="193" actId="790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Anders Furuskär" userId="5c9f1a7d-b689-4c3c-9fb9-968669d3c21c" providerId="ADAL" clId="{9F491F8D-D760-467D-AC03-57C4EEDF6134}" dt="2020-01-10T14:04:13.043" v="194" actId="790"/>
          <ac:spMkLst>
            <pc:docMk/>
            <pc:sldMk cId="2230748882" sldId="271"/>
            <ac:spMk id="7" creationId="{0BF70DC3-66C9-451C-917E-BA44956D1DBD}"/>
          </ac:spMkLst>
        </pc:spChg>
      </pc:sldChg>
      <pc:sldChg chg="modSp">
        <pc:chgData name="Anders Furuskär" userId="5c9f1a7d-b689-4c3c-9fb9-968669d3c21c" providerId="ADAL" clId="{9F491F8D-D760-467D-AC03-57C4EEDF6134}" dt="2020-01-10T14:04:13.049" v="202" actId="790"/>
        <pc:sldMkLst>
          <pc:docMk/>
          <pc:sldMk cId="1326196502" sldId="273"/>
        </pc:sldMkLst>
        <pc:spChg chg="mod">
          <ac:chgData name="Anders Furuskär" userId="5c9f1a7d-b689-4c3c-9fb9-968669d3c21c" providerId="ADAL" clId="{9F491F8D-D760-467D-AC03-57C4EEDF6134}" dt="2020-01-10T14:04:13.046" v="197" actId="790"/>
          <ac:spMkLst>
            <pc:docMk/>
            <pc:sldMk cId="1326196502" sldId="273"/>
            <ac:spMk id="2" creationId="{F54D311D-2157-4A35-9F56-0E8FE9FDD7BC}"/>
          </ac:spMkLst>
        </pc:spChg>
        <pc:spChg chg="mod">
          <ac:chgData name="Anders Furuskär" userId="5c9f1a7d-b689-4c3c-9fb9-968669d3c21c" providerId="ADAL" clId="{9F491F8D-D760-467D-AC03-57C4EEDF6134}" dt="2020-01-10T14:04:13.047" v="198" actId="790"/>
          <ac:spMkLst>
            <pc:docMk/>
            <pc:sldMk cId="1326196502" sldId="273"/>
            <ac:spMk id="3" creationId="{17D5CE7D-CCF0-44B0-843A-8D46859C44EE}"/>
          </ac:spMkLst>
        </pc:spChg>
        <pc:spChg chg="mod">
          <ac:chgData name="Anders Furuskär" userId="5c9f1a7d-b689-4c3c-9fb9-968669d3c21c" providerId="ADAL" clId="{9F491F8D-D760-467D-AC03-57C4EEDF6134}" dt="2020-01-10T14:04:13.047" v="199" actId="790"/>
          <ac:spMkLst>
            <pc:docMk/>
            <pc:sldMk cId="1326196502" sldId="273"/>
            <ac:spMk id="4" creationId="{6A927E07-3624-45B8-934B-C229726CA813}"/>
          </ac:spMkLst>
        </pc:spChg>
        <pc:spChg chg="mod">
          <ac:chgData name="Anders Furuskär" userId="5c9f1a7d-b689-4c3c-9fb9-968669d3c21c" providerId="ADAL" clId="{9F491F8D-D760-467D-AC03-57C4EEDF6134}" dt="2020-01-10T14:04:13.048" v="200" actId="790"/>
          <ac:spMkLst>
            <pc:docMk/>
            <pc:sldMk cId="1326196502" sldId="273"/>
            <ac:spMk id="5" creationId="{0D8DE8B4-7BAB-4C18-A0E5-01D3A11D374F}"/>
          </ac:spMkLst>
        </pc:spChg>
        <pc:spChg chg="mod">
          <ac:chgData name="Anders Furuskär" userId="5c9f1a7d-b689-4c3c-9fb9-968669d3c21c" providerId="ADAL" clId="{9F491F8D-D760-467D-AC03-57C4EEDF6134}" dt="2020-01-10T14:04:13.049" v="201" actId="790"/>
          <ac:spMkLst>
            <pc:docMk/>
            <pc:sldMk cId="1326196502" sldId="273"/>
            <ac:spMk id="6" creationId="{327EB691-17C6-4220-AA5E-2F3518AF8CC2}"/>
          </ac:spMkLst>
        </pc:spChg>
        <pc:spChg chg="mod">
          <ac:chgData name="Anders Furuskär" userId="5c9f1a7d-b689-4c3c-9fb9-968669d3c21c" providerId="ADAL" clId="{9F491F8D-D760-467D-AC03-57C4EEDF6134}" dt="2020-01-10T14:04:13.049" v="202" actId="790"/>
          <ac:spMkLst>
            <pc:docMk/>
            <pc:sldMk cId="1326196502" sldId="273"/>
            <ac:spMk id="7" creationId="{0BF70DC3-66C9-451C-917E-BA44956D1DBD}"/>
          </ac:spMkLst>
        </pc:spChg>
      </pc:sldChg>
      <pc:sldChg chg="modSp">
        <pc:chgData name="Anders Furuskär" userId="5c9f1a7d-b689-4c3c-9fb9-968669d3c21c" providerId="ADAL" clId="{9F491F8D-D760-467D-AC03-57C4EEDF6134}" dt="2020-01-10T14:04:13.052" v="204" actId="790"/>
        <pc:sldMkLst>
          <pc:docMk/>
          <pc:sldMk cId="2232092640" sldId="278"/>
        </pc:sldMkLst>
        <pc:spChg chg="mod">
          <ac:chgData name="Anders Furuskär" userId="5c9f1a7d-b689-4c3c-9fb9-968669d3c21c" providerId="ADAL" clId="{9F491F8D-D760-467D-AC03-57C4EEDF6134}" dt="2020-01-10T14:04:13.050" v="203" actId="790"/>
          <ac:spMkLst>
            <pc:docMk/>
            <pc:sldMk cId="2232092640" sldId="278"/>
            <ac:spMk id="8" creationId="{F43A1B8E-DC95-4EE1-BC70-5E5AA4615922}"/>
          </ac:spMkLst>
        </pc:spChg>
        <pc:spChg chg="mod">
          <ac:chgData name="Anders Furuskär" userId="5c9f1a7d-b689-4c3c-9fb9-968669d3c21c" providerId="ADAL" clId="{9F491F8D-D760-467D-AC03-57C4EEDF6134}" dt="2020-01-10T14:04:13.052" v="204" actId="790"/>
          <ac:spMkLst>
            <pc:docMk/>
            <pc:sldMk cId="2232092640" sldId="278"/>
            <ac:spMk id="9" creationId="{CF0B8360-8EFB-47B8-A060-8BACF6A1DE49}"/>
          </ac:spMkLst>
        </pc:spChg>
      </pc:sldChg>
      <pc:sldChg chg="modSp">
        <pc:chgData name="Anders Furuskär" userId="5c9f1a7d-b689-4c3c-9fb9-968669d3c21c" providerId="ADAL" clId="{9F491F8D-D760-467D-AC03-57C4EEDF6134}" dt="2020-01-10T14:04:13.054" v="206" actId="790"/>
        <pc:sldMkLst>
          <pc:docMk/>
          <pc:sldMk cId="2687221949" sldId="279"/>
        </pc:sldMkLst>
        <pc:spChg chg="mod">
          <ac:chgData name="Anders Furuskär" userId="5c9f1a7d-b689-4c3c-9fb9-968669d3c21c" providerId="ADAL" clId="{9F491F8D-D760-467D-AC03-57C4EEDF6134}" dt="2020-01-10T14:04:13.052" v="205" actId="790"/>
          <ac:spMkLst>
            <pc:docMk/>
            <pc:sldMk cId="2687221949" sldId="279"/>
            <ac:spMk id="8" creationId="{F43A1B8E-DC95-4EE1-BC70-5E5AA4615922}"/>
          </ac:spMkLst>
        </pc:spChg>
        <pc:spChg chg="mod">
          <ac:chgData name="Anders Furuskär" userId="5c9f1a7d-b689-4c3c-9fb9-968669d3c21c" providerId="ADAL" clId="{9F491F8D-D760-467D-AC03-57C4EEDF6134}" dt="2020-01-10T14:04:13.054" v="206" actId="790"/>
          <ac:spMkLst>
            <pc:docMk/>
            <pc:sldMk cId="2687221949" sldId="279"/>
            <ac:spMk id="9" creationId="{CF0B8360-8EFB-47B8-A060-8BACF6A1DE49}"/>
          </ac:spMkLst>
        </pc:spChg>
      </pc:sldChg>
      <pc:sldChg chg="modSp">
        <pc:chgData name="Anders Furuskär" userId="5c9f1a7d-b689-4c3c-9fb9-968669d3c21c" providerId="ADAL" clId="{9F491F8D-D760-467D-AC03-57C4EEDF6134}" dt="2020-01-10T14:04:13.057" v="208" actId="790"/>
        <pc:sldMkLst>
          <pc:docMk/>
          <pc:sldMk cId="3161042709" sldId="280"/>
        </pc:sldMkLst>
        <pc:spChg chg="mod">
          <ac:chgData name="Anders Furuskär" userId="5c9f1a7d-b689-4c3c-9fb9-968669d3c21c" providerId="ADAL" clId="{9F491F8D-D760-467D-AC03-57C4EEDF6134}" dt="2020-01-10T14:04:13.055" v="207" actId="790"/>
          <ac:spMkLst>
            <pc:docMk/>
            <pc:sldMk cId="3161042709" sldId="280"/>
            <ac:spMk id="8" creationId="{F43A1B8E-DC95-4EE1-BC70-5E5AA4615922}"/>
          </ac:spMkLst>
        </pc:spChg>
        <pc:spChg chg="mod">
          <ac:chgData name="Anders Furuskär" userId="5c9f1a7d-b689-4c3c-9fb9-968669d3c21c" providerId="ADAL" clId="{9F491F8D-D760-467D-AC03-57C4EEDF6134}" dt="2020-01-10T14:04:13.057" v="208" actId="790"/>
          <ac:spMkLst>
            <pc:docMk/>
            <pc:sldMk cId="3161042709" sldId="280"/>
            <ac:spMk id="9" creationId="{CF0B8360-8EFB-47B8-A060-8BACF6A1DE49}"/>
          </ac:spMkLst>
        </pc:spChg>
      </pc:sldChg>
      <pc:sldChg chg="modSp add del">
        <pc:chgData name="Anders Furuskär" userId="5c9f1a7d-b689-4c3c-9fb9-968669d3c21c" providerId="ADAL" clId="{9F491F8D-D760-467D-AC03-57C4EEDF6134}" dt="2020-01-10T14:03:01.101" v="188" actId="2696"/>
        <pc:sldMkLst>
          <pc:docMk/>
          <pc:sldMk cId="4179071061" sldId="281"/>
        </pc:sldMkLst>
        <pc:spChg chg="mod">
          <ac:chgData name="Anders Furuskär" userId="5c9f1a7d-b689-4c3c-9fb9-968669d3c21c" providerId="ADAL" clId="{9F491F8D-D760-467D-AC03-57C4EEDF6134}" dt="2020-01-10T14:02:46.394" v="187" actId="20577"/>
          <ac:spMkLst>
            <pc:docMk/>
            <pc:sldMk cId="4179071061" sldId="281"/>
            <ac:spMk id="2" creationId="{1D722B57-A3EA-420C-B733-681FBBABB46F}"/>
          </ac:spMkLst>
        </pc:spChg>
      </pc:sldChg>
      <pc:sldMasterChg chg="modSp modSldLayout">
        <pc:chgData name="Anders Furuskär" userId="5c9f1a7d-b689-4c3c-9fb9-968669d3c21c" providerId="ADAL" clId="{9F491F8D-D760-467D-AC03-57C4EEDF6134}" dt="2020-01-10T14:04:13.479" v="545"/>
        <pc:sldMasterMkLst>
          <pc:docMk/>
          <pc:sldMasterMk cId="2523064765" sldId="2147483660"/>
        </pc:sldMasterMkLst>
        <pc:spChg chg="mod">
          <ac:chgData name="Anders Furuskär" userId="5c9f1a7d-b689-4c3c-9fb9-968669d3c21c" providerId="ADAL" clId="{9F491F8D-D760-467D-AC03-57C4EEDF6134}" dt="2020-01-10T14:04:13.305" v="422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Anders Furuskär" userId="5c9f1a7d-b689-4c3c-9fb9-968669d3c21c" providerId="ADAL" clId="{9F491F8D-D760-467D-AC03-57C4EEDF6134}" dt="2020-01-10T14:04:13.303" v="421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">
          <pc:chgData name="Anders Furuskär" userId="5c9f1a7d-b689-4c3c-9fb9-968669d3c21c" providerId="ADAL" clId="{9F491F8D-D760-467D-AC03-57C4EEDF6134}" dt="2020-01-10T14:04:13.331" v="425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Anders Furuskär" userId="5c9f1a7d-b689-4c3c-9fb9-968669d3c21c" providerId="ADAL" clId="{9F491F8D-D760-467D-AC03-57C4EEDF6134}" dt="2020-01-10T14:04:13.061" v="213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31" v="425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Anders Furuskär" userId="5c9f1a7d-b689-4c3c-9fb9-968669d3c21c" providerId="ADAL" clId="{9F491F8D-D760-467D-AC03-57C4EEDF6134}" dt="2020-01-10T14:04:13.078" v="217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Anders Furuskär" userId="5c9f1a7d-b689-4c3c-9fb9-968669d3c21c" providerId="ADAL" clId="{9F491F8D-D760-467D-AC03-57C4EEDF6134}" dt="2020-01-10T14:04:13.058" v="210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Anders Furuskär" userId="5c9f1a7d-b689-4c3c-9fb9-968669d3c21c" providerId="ADAL" clId="{9F491F8D-D760-467D-AC03-57C4EEDF6134}" dt="2020-01-10T14:04:13.061" v="214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062" v="215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060" v="212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059" v="211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39" v="431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Anders Furuskär" userId="5c9f1a7d-b689-4c3c-9fb9-968669d3c21c" providerId="ADAL" clId="{9F491F8D-D760-467D-AC03-57C4EEDF6134}" dt="2020-01-10T14:04:13.085" v="226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Anders Furuskär" userId="5c9f1a7d-b689-4c3c-9fb9-968669d3c21c" providerId="ADAL" clId="{9F491F8D-D760-467D-AC03-57C4EEDF6134}" dt="2020-01-10T14:04:13.339" v="431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Anders Furuskär" userId="5c9f1a7d-b689-4c3c-9fb9-968669d3c21c" providerId="ADAL" clId="{9F491F8D-D760-467D-AC03-57C4EEDF6134}" dt="2020-01-10T14:04:13.086" v="227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Anders Furuskär" userId="5c9f1a7d-b689-4c3c-9fb9-968669d3c21c" providerId="ADAL" clId="{9F491F8D-D760-467D-AC03-57C4EEDF6134}" dt="2020-01-10T14:04:13.087" v="228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Anders Furuskär" userId="5c9f1a7d-b689-4c3c-9fb9-968669d3c21c" providerId="ADAL" clId="{9F491F8D-D760-467D-AC03-57C4EEDF6134}" dt="2020-01-10T14:04:13.089" v="230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42" v="434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Anders Furuskär" userId="5c9f1a7d-b689-4c3c-9fb9-968669d3c21c" providerId="ADAL" clId="{9F491F8D-D760-467D-AC03-57C4EEDF6134}" dt="2020-01-10T14:04:13.342" v="434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Anders Furuskär" userId="5c9f1a7d-b689-4c3c-9fb9-968669d3c21c" providerId="ADAL" clId="{9F491F8D-D760-467D-AC03-57C4EEDF6134}" dt="2020-01-10T14:04:13.091" v="232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Anders Furuskär" userId="5c9f1a7d-b689-4c3c-9fb9-968669d3c21c" providerId="ADAL" clId="{9F491F8D-D760-467D-AC03-57C4EEDF6134}" dt="2020-01-10T14:04:13.092" v="233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Anders Furuskär" userId="5c9f1a7d-b689-4c3c-9fb9-968669d3c21c" providerId="ADAL" clId="{9F491F8D-D760-467D-AC03-57C4EEDF6134}" dt="2020-01-10T14:04:13.094" v="235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Anders Furuskär" userId="5c9f1a7d-b689-4c3c-9fb9-968669d3c21c" providerId="ADAL" clId="{9F491F8D-D760-467D-AC03-57C4EEDF6134}" dt="2020-01-10T14:04:13.090" v="231" actId="790"/>
            <ac:spMkLst>
              <pc:docMk/>
              <pc:sldMasterMk cId="2523064765" sldId="2147483660"/>
              <pc:sldLayoutMk cId="2064663325" sldId="2147483664"/>
              <ac:spMk id="13" creationId="{368FADF5-0F2E-41A5-9C74-2E60F7AC8939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46" v="43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Anders Furuskär" userId="5c9f1a7d-b689-4c3c-9fb9-968669d3c21c" providerId="ADAL" clId="{9F491F8D-D760-467D-AC03-57C4EEDF6134}" dt="2020-01-10T14:04:13.095" v="236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46" v="43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Anders Furuskär" userId="5c9f1a7d-b689-4c3c-9fb9-968669d3c21c" providerId="ADAL" clId="{9F491F8D-D760-467D-AC03-57C4EEDF6134}" dt="2020-01-10T14:04:13.098" v="240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Anders Furuskär" userId="5c9f1a7d-b689-4c3c-9fb9-968669d3c21c" providerId="ADAL" clId="{9F491F8D-D760-467D-AC03-57C4EEDF6134}" dt="2020-01-10T14:04:13.096" v="237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Anders Furuskär" userId="5c9f1a7d-b689-4c3c-9fb9-968669d3c21c" providerId="ADAL" clId="{9F491F8D-D760-467D-AC03-57C4EEDF6134}" dt="2020-01-10T14:04:13.096" v="238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50" v="440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Anders Furuskär" userId="5c9f1a7d-b689-4c3c-9fb9-968669d3c21c" providerId="ADAL" clId="{9F491F8D-D760-467D-AC03-57C4EEDF6134}" dt="2020-01-10T14:04:13.098" v="241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50" v="440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Anders Furuskär" userId="5c9f1a7d-b689-4c3c-9fb9-968669d3c21c" providerId="ADAL" clId="{9F491F8D-D760-467D-AC03-57C4EEDF6134}" dt="2020-01-10T14:04:13.102" v="245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Anders Furuskär" userId="5c9f1a7d-b689-4c3c-9fb9-968669d3c21c" providerId="ADAL" clId="{9F491F8D-D760-467D-AC03-57C4EEDF6134}" dt="2020-01-10T14:04:13.099" v="242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Anders Furuskär" userId="5c9f1a7d-b689-4c3c-9fb9-968669d3c21c" providerId="ADAL" clId="{9F491F8D-D760-467D-AC03-57C4EEDF6134}" dt="2020-01-10T14:04:13.100" v="243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54" v="443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Anders Furuskär" userId="5c9f1a7d-b689-4c3c-9fb9-968669d3c21c" providerId="ADAL" clId="{9F491F8D-D760-467D-AC03-57C4EEDF6134}" dt="2020-01-10T14:04:13.103" v="246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54" v="443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Anders Furuskär" userId="5c9f1a7d-b689-4c3c-9fb9-968669d3c21c" providerId="ADAL" clId="{9F491F8D-D760-467D-AC03-57C4EEDF6134}" dt="2020-01-10T14:04:13.106" v="250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Anders Furuskär" userId="5c9f1a7d-b689-4c3c-9fb9-968669d3c21c" providerId="ADAL" clId="{9F491F8D-D760-467D-AC03-57C4EEDF6134}" dt="2020-01-10T14:04:13.104" v="247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Anders Furuskär" userId="5c9f1a7d-b689-4c3c-9fb9-968669d3c21c" providerId="ADAL" clId="{9F491F8D-D760-467D-AC03-57C4EEDF6134}" dt="2020-01-10T14:04:13.105" v="248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57" v="446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Anders Furuskär" userId="5c9f1a7d-b689-4c3c-9fb9-968669d3c21c" providerId="ADAL" clId="{9F491F8D-D760-467D-AC03-57C4EEDF6134}" dt="2020-01-10T14:04:13.107" v="251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57" v="446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Anders Furuskär" userId="5c9f1a7d-b689-4c3c-9fb9-968669d3c21c" providerId="ADAL" clId="{9F491F8D-D760-467D-AC03-57C4EEDF6134}" dt="2020-01-10T14:04:13.111" v="255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Anders Furuskär" userId="5c9f1a7d-b689-4c3c-9fb9-968669d3c21c" providerId="ADAL" clId="{9F491F8D-D760-467D-AC03-57C4EEDF6134}" dt="2020-01-10T14:04:13.108" v="252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Anders Furuskär" userId="5c9f1a7d-b689-4c3c-9fb9-968669d3c21c" providerId="ADAL" clId="{9F491F8D-D760-467D-AC03-57C4EEDF6134}" dt="2020-01-10T14:04:13.109" v="253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61" v="449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Anders Furuskär" userId="5c9f1a7d-b689-4c3c-9fb9-968669d3c21c" providerId="ADAL" clId="{9F491F8D-D760-467D-AC03-57C4EEDF6134}" dt="2020-01-10T14:04:13.112" v="256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61" v="449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Anders Furuskär" userId="5c9f1a7d-b689-4c3c-9fb9-968669d3c21c" providerId="ADAL" clId="{9F491F8D-D760-467D-AC03-57C4EEDF6134}" dt="2020-01-10T14:04:13.116" v="260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Anders Furuskär" userId="5c9f1a7d-b689-4c3c-9fb9-968669d3c21c" providerId="ADAL" clId="{9F491F8D-D760-467D-AC03-57C4EEDF6134}" dt="2020-01-10T14:04:13.114" v="257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Anders Furuskär" userId="5c9f1a7d-b689-4c3c-9fb9-968669d3c21c" providerId="ADAL" clId="{9F491F8D-D760-467D-AC03-57C4EEDF6134}" dt="2020-01-10T14:04:13.115" v="258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64" v="452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Anders Furuskär" userId="5c9f1a7d-b689-4c3c-9fb9-968669d3c21c" providerId="ADAL" clId="{9F491F8D-D760-467D-AC03-57C4EEDF6134}" dt="2020-01-10T14:04:13.117" v="261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64" v="452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Anders Furuskär" userId="5c9f1a7d-b689-4c3c-9fb9-968669d3c21c" providerId="ADAL" clId="{9F491F8D-D760-467D-AC03-57C4EEDF6134}" dt="2020-01-10T14:04:13.122" v="265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Anders Furuskär" userId="5c9f1a7d-b689-4c3c-9fb9-968669d3c21c" providerId="ADAL" clId="{9F491F8D-D760-467D-AC03-57C4EEDF6134}" dt="2020-01-10T14:04:13.118" v="262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Anders Furuskär" userId="5c9f1a7d-b689-4c3c-9fb9-968669d3c21c" providerId="ADAL" clId="{9F491F8D-D760-467D-AC03-57C4EEDF6134}" dt="2020-01-10T14:04:13.119" v="263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68" v="455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Anders Furuskär" userId="5c9f1a7d-b689-4c3c-9fb9-968669d3c21c" providerId="ADAL" clId="{9F491F8D-D760-467D-AC03-57C4EEDF6134}" dt="2020-01-10T14:04:13.368" v="455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Anders Furuskär" userId="5c9f1a7d-b689-4c3c-9fb9-968669d3c21c" providerId="ADAL" clId="{9F491F8D-D760-467D-AC03-57C4EEDF6134}" dt="2020-01-10T14:04:13.126" v="269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Anders Furuskär" userId="5c9f1a7d-b689-4c3c-9fb9-968669d3c21c" providerId="ADAL" clId="{9F491F8D-D760-467D-AC03-57C4EEDF6134}" dt="2020-01-10T14:04:13.123" v="266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Anders Furuskär" userId="5c9f1a7d-b689-4c3c-9fb9-968669d3c21c" providerId="ADAL" clId="{9F491F8D-D760-467D-AC03-57C4EEDF6134}" dt="2020-01-10T14:04:13.124" v="267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71" v="458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Anders Furuskär" userId="5c9f1a7d-b689-4c3c-9fb9-968669d3c21c" providerId="ADAL" clId="{9F491F8D-D760-467D-AC03-57C4EEDF6134}" dt="2020-01-10T14:04:13.371" v="458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Anders Furuskär" userId="5c9f1a7d-b689-4c3c-9fb9-968669d3c21c" providerId="ADAL" clId="{9F491F8D-D760-467D-AC03-57C4EEDF6134}" dt="2020-01-10T14:04:13.128" v="272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Anders Furuskär" userId="5c9f1a7d-b689-4c3c-9fb9-968669d3c21c" providerId="ADAL" clId="{9F491F8D-D760-467D-AC03-57C4EEDF6134}" dt="2020-01-10T14:04:13.127" v="270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79" v="464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Anders Furuskär" userId="5c9f1a7d-b689-4c3c-9fb9-968669d3c21c" providerId="ADAL" clId="{9F491F8D-D760-467D-AC03-57C4EEDF6134}" dt="2020-01-10T14:04:13.379" v="464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Anders Furuskär" userId="5c9f1a7d-b689-4c3c-9fb9-968669d3c21c" providerId="ADAL" clId="{9F491F8D-D760-467D-AC03-57C4EEDF6134}" dt="2020-01-10T14:04:13.131" v="275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133" v="277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09" v="488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Anders Furuskär" userId="5c9f1a7d-b689-4c3c-9fb9-968669d3c21c" providerId="ADAL" clId="{9F491F8D-D760-467D-AC03-57C4EEDF6134}" dt="2020-01-10T14:04:13.160" v="307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Anders Furuskär" userId="5c9f1a7d-b689-4c3c-9fb9-968669d3c21c" providerId="ADAL" clId="{9F491F8D-D760-467D-AC03-57C4EEDF6134}" dt="2020-01-10T14:04:13.158" v="306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09" v="488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Anders Furuskär" userId="5c9f1a7d-b689-4c3c-9fb9-968669d3c21c" providerId="ADAL" clId="{9F491F8D-D760-467D-AC03-57C4EEDF6134}" dt="2020-01-10T14:04:13.161" v="309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35" v="509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Anders Furuskär" userId="5c9f1a7d-b689-4c3c-9fb9-968669d3c21c" providerId="ADAL" clId="{9F491F8D-D760-467D-AC03-57C4EEDF6134}" dt="2020-01-10T14:04:13.191" v="337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193" v="338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190" v="336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Anders Furuskär" userId="5c9f1a7d-b689-4c3c-9fb9-968669d3c21c" providerId="ADAL" clId="{9F491F8D-D760-467D-AC03-57C4EEDF6134}" dt="2020-01-10T14:04:13.435" v="509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Anders Furuskär" userId="5c9f1a7d-b689-4c3c-9fb9-968669d3c21c" providerId="ADAL" clId="{9F491F8D-D760-467D-AC03-57C4EEDF6134}" dt="2020-01-10T14:04:13.194" v="340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39" v="512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Anders Furuskär" userId="5c9f1a7d-b689-4c3c-9fb9-968669d3c21c" providerId="ADAL" clId="{9F491F8D-D760-467D-AC03-57C4EEDF6134}" dt="2020-01-10T14:04:13.199" v="343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195" v="341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Anders Furuskär" userId="5c9f1a7d-b689-4c3c-9fb9-968669d3c21c" providerId="ADAL" clId="{9F491F8D-D760-467D-AC03-57C4EEDF6134}" dt="2020-01-10T14:04:13.197" v="342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39" v="512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Anders Furuskär" userId="5c9f1a7d-b689-4c3c-9fb9-968669d3c21c" providerId="ADAL" clId="{9F491F8D-D760-467D-AC03-57C4EEDF6134}" dt="2020-01-10T14:04:13.201" v="345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60" v="530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Anders Furuskär" userId="5c9f1a7d-b689-4c3c-9fb9-968669d3c21c" providerId="ADAL" clId="{9F491F8D-D760-467D-AC03-57C4EEDF6134}" dt="2020-01-10T14:04:13.233" v="373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34" v="374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31" v="372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Anders Furuskär" userId="5c9f1a7d-b689-4c3c-9fb9-968669d3c21c" providerId="ADAL" clId="{9F491F8D-D760-467D-AC03-57C4EEDF6134}" dt="2020-01-10T14:04:13.236" v="375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60" v="530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Anders Furuskär" userId="5c9f1a7d-b689-4c3c-9fb9-968669d3c21c" providerId="ADAL" clId="{9F491F8D-D760-467D-AC03-57C4EEDF6134}" dt="2020-01-10T14:04:13.237" v="377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64" v="533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Anders Furuskär" userId="5c9f1a7d-b689-4c3c-9fb9-968669d3c21c" providerId="ADAL" clId="{9F491F8D-D760-467D-AC03-57C4EEDF6134}" dt="2020-01-10T14:04:13.240" v="379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42" v="380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38" v="378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Anders Furuskär" userId="5c9f1a7d-b689-4c3c-9fb9-968669d3c21c" providerId="ADAL" clId="{9F491F8D-D760-467D-AC03-57C4EEDF6134}" dt="2020-01-10T14:04:13.243" v="381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45" v="382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64" v="533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Anders Furuskär" userId="5c9f1a7d-b689-4c3c-9fb9-968669d3c21c" providerId="ADAL" clId="{9F491F8D-D760-467D-AC03-57C4EEDF6134}" dt="2020-01-10T14:04:13.246" v="384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68" v="536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Anders Furuskär" userId="5c9f1a7d-b689-4c3c-9fb9-968669d3c21c" providerId="ADAL" clId="{9F491F8D-D760-467D-AC03-57C4EEDF6134}" dt="2020-01-10T14:04:13.248" v="386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49" v="387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47" v="385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Anders Furuskär" userId="5c9f1a7d-b689-4c3c-9fb9-968669d3c21c" providerId="ADAL" clId="{9F491F8D-D760-467D-AC03-57C4EEDF6134}" dt="2020-01-10T14:04:13.251" v="388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52" v="389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68" v="536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Anders Furuskär" userId="5c9f1a7d-b689-4c3c-9fb9-968669d3c21c" providerId="ADAL" clId="{9F491F8D-D760-467D-AC03-57C4EEDF6134}" dt="2020-01-10T14:04:13.254" v="391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72" v="539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Anders Furuskär" userId="5c9f1a7d-b689-4c3c-9fb9-968669d3c21c" providerId="ADAL" clId="{9F491F8D-D760-467D-AC03-57C4EEDF6134}" dt="2020-01-10T14:04:13.256" v="393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58" v="394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55" v="392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Anders Furuskär" userId="5c9f1a7d-b689-4c3c-9fb9-968669d3c21c" providerId="ADAL" clId="{9F491F8D-D760-467D-AC03-57C4EEDF6134}" dt="2020-01-10T14:04:13.259" v="395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61" v="396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72" v="539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Anders Furuskär" userId="5c9f1a7d-b689-4c3c-9fb9-968669d3c21c" providerId="ADAL" clId="{9F491F8D-D760-467D-AC03-57C4EEDF6134}" dt="2020-01-10T14:04:13.262" v="398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79" v="545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Anders Furuskär" userId="5c9f1a7d-b689-4c3c-9fb9-968669d3c21c" providerId="ADAL" clId="{9F491F8D-D760-467D-AC03-57C4EEDF6134}" dt="2020-01-10T14:04:13.275" v="407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77" v="408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78" v="409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79" v="410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82" v="412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80" v="411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84" v="414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83" v="413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74" v="406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Anders Furuskär" userId="5c9f1a7d-b689-4c3c-9fb9-968669d3c21c" providerId="ADAL" clId="{9F491F8D-D760-467D-AC03-57C4EEDF6134}" dt="2020-01-10T14:04:13.479" v="545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Anders Furuskär" userId="5c9f1a7d-b689-4c3c-9fb9-968669d3c21c" providerId="ADAL" clId="{9F491F8D-D760-467D-AC03-57C4EEDF6134}" dt="2020-01-10T14:04:13.286" v="416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21" v="49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Anders Furuskär" userId="5c9f1a7d-b689-4c3c-9fb9-968669d3c21c" providerId="ADAL" clId="{9F491F8D-D760-467D-AC03-57C4EEDF6134}" dt="2020-01-10T14:04:13.172" v="319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171" v="318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Anders Furuskär" userId="5c9f1a7d-b689-4c3c-9fb9-968669d3c21c" providerId="ADAL" clId="{9F491F8D-D760-467D-AC03-57C4EEDF6134}" dt="2020-01-10T14:04:13.421" v="49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Anders Furuskär" userId="5c9f1a7d-b689-4c3c-9fb9-968669d3c21c" providerId="ADAL" clId="{9F491F8D-D760-467D-AC03-57C4EEDF6134}" dt="2020-01-10T14:04:13.174" v="321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25" v="500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Anders Furuskär" userId="5c9f1a7d-b689-4c3c-9fb9-968669d3c21c" providerId="ADAL" clId="{9F491F8D-D760-467D-AC03-57C4EEDF6134}" dt="2020-01-10T14:04:13.177" v="324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Anders Furuskär" userId="5c9f1a7d-b689-4c3c-9fb9-968669d3c21c" providerId="ADAL" clId="{9F491F8D-D760-467D-AC03-57C4EEDF6134}" dt="2020-01-10T14:04:13.176" v="323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175" v="322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25" v="500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Anders Furuskär" userId="5c9f1a7d-b689-4c3c-9fb9-968669d3c21c" providerId="ADAL" clId="{9F491F8D-D760-467D-AC03-57C4EEDF6134}" dt="2020-01-10T14:04:13.179" v="326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28" v="503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Anders Furuskär" userId="5c9f1a7d-b689-4c3c-9fb9-968669d3c21c" providerId="ADAL" clId="{9F491F8D-D760-467D-AC03-57C4EEDF6134}" dt="2020-01-10T14:04:13.181" v="328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180" v="327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Anders Furuskär" userId="5c9f1a7d-b689-4c3c-9fb9-968669d3c21c" providerId="ADAL" clId="{9F491F8D-D760-467D-AC03-57C4EEDF6134}" dt="2020-01-10T14:04:13.428" v="503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Anders Furuskär" userId="5c9f1a7d-b689-4c3c-9fb9-968669d3c21c" providerId="ADAL" clId="{9F491F8D-D760-467D-AC03-57C4EEDF6134}" dt="2020-01-10T14:04:13.183" v="330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31" v="506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Anders Furuskär" userId="5c9f1a7d-b689-4c3c-9fb9-968669d3c21c" providerId="ADAL" clId="{9F491F8D-D760-467D-AC03-57C4EEDF6134}" dt="2020-01-10T14:04:13.187" v="333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Anders Furuskär" userId="5c9f1a7d-b689-4c3c-9fb9-968669d3c21c" providerId="ADAL" clId="{9F491F8D-D760-467D-AC03-57C4EEDF6134}" dt="2020-01-10T14:04:13.186" v="332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184" v="331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31" v="506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Anders Furuskär" userId="5c9f1a7d-b689-4c3c-9fb9-968669d3c21c" providerId="ADAL" clId="{9F491F8D-D760-467D-AC03-57C4EEDF6134}" dt="2020-01-10T14:04:13.189" v="335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42" v="515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Anders Furuskär" userId="5c9f1a7d-b689-4c3c-9fb9-968669d3c21c" providerId="ADAL" clId="{9F491F8D-D760-467D-AC03-57C4EEDF6134}" dt="2020-01-10T14:04:13.203" v="347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05" v="348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02" v="346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Anders Furuskär" userId="5c9f1a7d-b689-4c3c-9fb9-968669d3c21c" providerId="ADAL" clId="{9F491F8D-D760-467D-AC03-57C4EEDF6134}" dt="2020-01-10T14:04:13.442" v="515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Anders Furuskär" userId="5c9f1a7d-b689-4c3c-9fb9-968669d3c21c" providerId="ADAL" clId="{9F491F8D-D760-467D-AC03-57C4EEDF6134}" dt="2020-01-10T14:04:13.206" v="350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46" v="518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Anders Furuskär" userId="5c9f1a7d-b689-4c3c-9fb9-968669d3c21c" providerId="ADAL" clId="{9F491F8D-D760-467D-AC03-57C4EEDF6134}" dt="2020-01-10T14:04:13.209" v="352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10" v="353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07" v="351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Anders Furuskär" userId="5c9f1a7d-b689-4c3c-9fb9-968669d3c21c" providerId="ADAL" clId="{9F491F8D-D760-467D-AC03-57C4EEDF6134}" dt="2020-01-10T14:04:13.446" v="518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Anders Furuskär" userId="5c9f1a7d-b689-4c3c-9fb9-968669d3c21c" providerId="ADAL" clId="{9F491F8D-D760-467D-AC03-57C4EEDF6134}" dt="2020-01-10T14:04:13.212" v="355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50" v="521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Anders Furuskär" userId="5c9f1a7d-b689-4c3c-9fb9-968669d3c21c" providerId="ADAL" clId="{9F491F8D-D760-467D-AC03-57C4EEDF6134}" dt="2020-01-10T14:04:13.214" v="357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13" v="356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Anders Furuskär" userId="5c9f1a7d-b689-4c3c-9fb9-968669d3c21c" providerId="ADAL" clId="{9F491F8D-D760-467D-AC03-57C4EEDF6134}" dt="2020-01-10T14:04:13.216" v="358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50" v="521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Anders Furuskär" userId="5c9f1a7d-b689-4c3c-9fb9-968669d3c21c" providerId="ADAL" clId="{9F491F8D-D760-467D-AC03-57C4EEDF6134}" dt="2020-01-10T14:04:13.218" v="360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53" v="524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Anders Furuskär" userId="5c9f1a7d-b689-4c3c-9fb9-968669d3c21c" providerId="ADAL" clId="{9F491F8D-D760-467D-AC03-57C4EEDF6134}" dt="2020-01-10T14:04:13.219" v="361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Anders Furuskär" userId="5c9f1a7d-b689-4c3c-9fb9-968669d3c21c" providerId="ADAL" clId="{9F491F8D-D760-467D-AC03-57C4EEDF6134}" dt="2020-01-10T14:04:13.220" v="362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22" v="363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53" v="524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Anders Furuskär" userId="5c9f1a7d-b689-4c3c-9fb9-968669d3c21c" providerId="ADAL" clId="{9F491F8D-D760-467D-AC03-57C4EEDF6134}" dt="2020-01-10T14:04:13.224" v="365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75" v="542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Anders Furuskär" userId="5c9f1a7d-b689-4c3c-9fb9-968669d3c21c" providerId="ADAL" clId="{9F491F8D-D760-467D-AC03-57C4EEDF6134}" dt="2020-01-10T14:04:13.266" v="400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68" v="401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69" v="402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71" v="403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Anders Furuskär" userId="5c9f1a7d-b689-4c3c-9fb9-968669d3c21c" providerId="ADAL" clId="{9F491F8D-D760-467D-AC03-57C4EEDF6134}" dt="2020-01-10T14:04:13.265" v="399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Anders Furuskär" userId="5c9f1a7d-b689-4c3c-9fb9-968669d3c21c" providerId="ADAL" clId="{9F491F8D-D760-467D-AC03-57C4EEDF6134}" dt="2020-01-10T14:04:13.475" v="542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Anders Furuskär" userId="5c9f1a7d-b689-4c3c-9fb9-968669d3c21c" providerId="ADAL" clId="{9F491F8D-D760-467D-AC03-57C4EEDF6134}" dt="2020-01-10T14:04:13.273" v="405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75" v="461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Anders Furuskär" userId="5c9f1a7d-b689-4c3c-9fb9-968669d3c21c" providerId="ADAL" clId="{9F491F8D-D760-467D-AC03-57C4EEDF6134}" dt="2020-01-10T14:04:13.375" v="461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Anders Furuskär" userId="5c9f1a7d-b689-4c3c-9fb9-968669d3c21c" providerId="ADAL" clId="{9F491F8D-D760-467D-AC03-57C4EEDF6134}" dt="2020-01-10T14:04:13.130" v="274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287" v="417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Anders Furuskär" userId="5c9f1a7d-b689-4c3c-9fb9-968669d3c21c" providerId="ADAL" clId="{9F491F8D-D760-467D-AC03-57C4EEDF6134}" dt="2020-01-10T14:04:13.287" v="417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35" v="428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Anders Furuskär" userId="5c9f1a7d-b689-4c3c-9fb9-968669d3c21c" providerId="ADAL" clId="{9F491F8D-D760-467D-AC03-57C4EEDF6134}" dt="2020-01-10T14:04:13.082" v="221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Anders Furuskär" userId="5c9f1a7d-b689-4c3c-9fb9-968669d3c21c" providerId="ADAL" clId="{9F491F8D-D760-467D-AC03-57C4EEDF6134}" dt="2020-01-10T14:04:13.082" v="222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Anders Furuskär" userId="5c9f1a7d-b689-4c3c-9fb9-968669d3c21c" providerId="ADAL" clId="{9F491F8D-D760-467D-AC03-57C4EEDF6134}" dt="2020-01-10T14:04:13.079" v="218" actId="790"/>
            <ac:spMkLst>
              <pc:docMk/>
              <pc:sldMasterMk cId="2523064765" sldId="2147483660"/>
              <pc:sldLayoutMk cId="787326472" sldId="2147483693"/>
              <ac:spMk id="12" creationId="{FB327327-50E0-4AA3-A3F9-F297582FC782}"/>
            </ac:spMkLst>
          </pc:spChg>
          <pc:spChg chg="mod">
            <ac:chgData name="Anders Furuskär" userId="5c9f1a7d-b689-4c3c-9fb9-968669d3c21c" providerId="ADAL" clId="{9F491F8D-D760-467D-AC03-57C4EEDF6134}" dt="2020-01-10T14:04:13.083" v="223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Anders Furuskär" userId="5c9f1a7d-b689-4c3c-9fb9-968669d3c21c" providerId="ADAL" clId="{9F491F8D-D760-467D-AC03-57C4EEDF6134}" dt="2020-01-10T14:04:13.335" v="428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Anders Furuskär" userId="5c9f1a7d-b689-4c3c-9fb9-968669d3c21c" providerId="ADAL" clId="{9F491F8D-D760-467D-AC03-57C4EEDF6134}" dt="2020-01-10T14:04:13.085" v="225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Anders Furuskär" userId="5c9f1a7d-b689-4c3c-9fb9-968669d3c21c" providerId="ADAL" clId="{9F491F8D-D760-467D-AC03-57C4EEDF6134}" dt="2020-01-10T14:04:13.081" v="220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080" v="219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17" v="494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Anders Furuskär" userId="5c9f1a7d-b689-4c3c-9fb9-968669d3c21c" providerId="ADAL" clId="{9F491F8D-D760-467D-AC03-57C4EEDF6134}" dt="2020-01-10T14:04:13.168" v="315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Anders Furuskär" userId="5c9f1a7d-b689-4c3c-9fb9-968669d3c21c" providerId="ADAL" clId="{9F491F8D-D760-467D-AC03-57C4EEDF6134}" dt="2020-01-10T14:04:13.166" v="314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Anders Furuskär" userId="5c9f1a7d-b689-4c3c-9fb9-968669d3c21c" providerId="ADAL" clId="{9F491F8D-D760-467D-AC03-57C4EEDF6134}" dt="2020-01-10T14:04:13.417" v="494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Anders Furuskär" userId="5c9f1a7d-b689-4c3c-9fb9-968669d3c21c" providerId="ADAL" clId="{9F491F8D-D760-467D-AC03-57C4EEDF6134}" dt="2020-01-10T14:04:13.170" v="317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57" v="52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Anders Furuskär" userId="5c9f1a7d-b689-4c3c-9fb9-968669d3c21c" providerId="ADAL" clId="{9F491F8D-D760-467D-AC03-57C4EEDF6134}" dt="2020-01-10T14:04:13.226" v="367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229" v="369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Anders Furuskär" userId="5c9f1a7d-b689-4c3c-9fb9-968669d3c21c" providerId="ADAL" clId="{9F491F8D-D760-467D-AC03-57C4EEDF6134}" dt="2020-01-10T14:04:13.227" v="368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57" v="52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Anders Furuskär" userId="5c9f1a7d-b689-4c3c-9fb9-968669d3c21c" providerId="ADAL" clId="{9F491F8D-D760-467D-AC03-57C4EEDF6134}" dt="2020-01-10T14:04:13.224" v="366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Anders Furuskär" userId="5c9f1a7d-b689-4c3c-9fb9-968669d3c21c" providerId="ADAL" clId="{9F491F8D-D760-467D-AC03-57C4EEDF6134}" dt="2020-01-10T14:04:13.230" v="371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82" v="46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Anders Furuskär" userId="5c9f1a7d-b689-4c3c-9fb9-968669d3c21c" providerId="ADAL" clId="{9F491F8D-D760-467D-AC03-57C4EEDF6134}" dt="2020-01-10T14:04:13.134" v="278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Anders Furuskär" userId="5c9f1a7d-b689-4c3c-9fb9-968669d3c21c" providerId="ADAL" clId="{9F491F8D-D760-467D-AC03-57C4EEDF6134}" dt="2020-01-10T14:04:13.134" v="279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82" v="46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Anders Furuskär" userId="5c9f1a7d-b689-4c3c-9fb9-968669d3c21c" providerId="ADAL" clId="{9F491F8D-D760-467D-AC03-57C4EEDF6134}" dt="2020-01-10T14:04:13.136" v="281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86" v="470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Anders Furuskär" userId="5c9f1a7d-b689-4c3c-9fb9-968669d3c21c" providerId="ADAL" clId="{9F491F8D-D760-467D-AC03-57C4EEDF6134}" dt="2020-01-10T14:04:13.137" v="282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Anders Furuskär" userId="5c9f1a7d-b689-4c3c-9fb9-968669d3c21c" providerId="ADAL" clId="{9F491F8D-D760-467D-AC03-57C4EEDF6134}" dt="2020-01-10T14:04:13.138" v="283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86" v="470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Anders Furuskär" userId="5c9f1a7d-b689-4c3c-9fb9-968669d3c21c" providerId="ADAL" clId="{9F491F8D-D760-467D-AC03-57C4EEDF6134}" dt="2020-01-10T14:04:13.140" v="285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90" v="473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Anders Furuskär" userId="5c9f1a7d-b689-4c3c-9fb9-968669d3c21c" providerId="ADAL" clId="{9F491F8D-D760-467D-AC03-57C4EEDF6134}" dt="2020-01-10T14:04:13.140" v="286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Anders Furuskär" userId="5c9f1a7d-b689-4c3c-9fb9-968669d3c21c" providerId="ADAL" clId="{9F491F8D-D760-467D-AC03-57C4EEDF6134}" dt="2020-01-10T14:04:13.141" v="287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90" v="473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Anders Furuskär" userId="5c9f1a7d-b689-4c3c-9fb9-968669d3c21c" providerId="ADAL" clId="{9F491F8D-D760-467D-AC03-57C4EEDF6134}" dt="2020-01-10T14:04:13.143" v="289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93" v="476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Anders Furuskär" userId="5c9f1a7d-b689-4c3c-9fb9-968669d3c21c" providerId="ADAL" clId="{9F491F8D-D760-467D-AC03-57C4EEDF6134}" dt="2020-01-10T14:04:13.144" v="290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Anders Furuskär" userId="5c9f1a7d-b689-4c3c-9fb9-968669d3c21c" providerId="ADAL" clId="{9F491F8D-D760-467D-AC03-57C4EEDF6134}" dt="2020-01-10T14:04:13.145" v="291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93" v="476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Anders Furuskär" userId="5c9f1a7d-b689-4c3c-9fb9-968669d3c21c" providerId="ADAL" clId="{9F491F8D-D760-467D-AC03-57C4EEDF6134}" dt="2020-01-10T14:04:13.147" v="293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97" v="479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Anders Furuskär" userId="5c9f1a7d-b689-4c3c-9fb9-968669d3c21c" providerId="ADAL" clId="{9F491F8D-D760-467D-AC03-57C4EEDF6134}" dt="2020-01-10T14:04:13.147" v="294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Anders Furuskär" userId="5c9f1a7d-b689-4c3c-9fb9-968669d3c21c" providerId="ADAL" clId="{9F491F8D-D760-467D-AC03-57C4EEDF6134}" dt="2020-01-10T14:04:13.148" v="295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397" v="479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Anders Furuskär" userId="5c9f1a7d-b689-4c3c-9fb9-968669d3c21c" providerId="ADAL" clId="{9F491F8D-D760-467D-AC03-57C4EEDF6134}" dt="2020-01-10T14:04:13.150" v="297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02" v="482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Anders Furuskär" userId="5c9f1a7d-b689-4c3c-9fb9-968669d3c21c" providerId="ADAL" clId="{9F491F8D-D760-467D-AC03-57C4EEDF6134}" dt="2020-01-10T14:04:13.151" v="298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Anders Furuskär" userId="5c9f1a7d-b689-4c3c-9fb9-968669d3c21c" providerId="ADAL" clId="{9F491F8D-D760-467D-AC03-57C4EEDF6134}" dt="2020-01-10T14:04:13.152" v="299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02" v="482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Anders Furuskär" userId="5c9f1a7d-b689-4c3c-9fb9-968669d3c21c" providerId="ADAL" clId="{9F491F8D-D760-467D-AC03-57C4EEDF6134}" dt="2020-01-10T14:04:13.154" v="301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06" v="485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Anders Furuskär" userId="5c9f1a7d-b689-4c3c-9fb9-968669d3c21c" providerId="ADAL" clId="{9F491F8D-D760-467D-AC03-57C4EEDF6134}" dt="2020-01-10T14:04:13.155" v="302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Anders Furuskär" userId="5c9f1a7d-b689-4c3c-9fb9-968669d3c21c" providerId="ADAL" clId="{9F491F8D-D760-467D-AC03-57C4EEDF6134}" dt="2020-01-10T14:04:13.156" v="303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06" v="485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Anders Furuskär" userId="5c9f1a7d-b689-4c3c-9fb9-968669d3c21c" providerId="ADAL" clId="{9F491F8D-D760-467D-AC03-57C4EEDF6134}" dt="2020-01-10T14:04:13.157" v="305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289" v="419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Anders Furuskär" userId="5c9f1a7d-b689-4c3c-9fb9-968669d3c21c" providerId="ADAL" clId="{9F491F8D-D760-467D-AC03-57C4EEDF6134}" dt="2020-01-10T14:04:13.288" v="418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Anders Furuskär" userId="5c9f1a7d-b689-4c3c-9fb9-968669d3c21c" providerId="ADAL" clId="{9F491F8D-D760-467D-AC03-57C4EEDF6134}" dt="2020-01-10T14:04:13.289" v="419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302" v="420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Anders Furuskär" userId="5c9f1a7d-b689-4c3c-9fb9-968669d3c21c" providerId="ADAL" clId="{9F491F8D-D760-467D-AC03-57C4EEDF6134}" dt="2020-01-10T14:04:13.302" v="420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">
          <pc:chgData name="Anders Furuskär" userId="5c9f1a7d-b689-4c3c-9fb9-968669d3c21c" providerId="ADAL" clId="{9F491F8D-D760-467D-AC03-57C4EEDF6134}" dt="2020-01-10T14:04:13.413" v="491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Anders Furuskär" userId="5c9f1a7d-b689-4c3c-9fb9-968669d3c21c" providerId="ADAL" clId="{9F491F8D-D760-467D-AC03-57C4EEDF6134}" dt="2020-01-10T14:04:13.164" v="311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Anders Furuskär" userId="5c9f1a7d-b689-4c3c-9fb9-968669d3c21c" providerId="ADAL" clId="{9F491F8D-D760-467D-AC03-57C4EEDF6134}" dt="2020-01-10T14:04:13.162" v="310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Anders Furuskär" userId="5c9f1a7d-b689-4c3c-9fb9-968669d3c21c" providerId="ADAL" clId="{9F491F8D-D760-467D-AC03-57C4EEDF6134}" dt="2020-01-10T14:04:13.413" v="491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Anders Furuskär" userId="5c9f1a7d-b689-4c3c-9fb9-968669d3c21c" providerId="ADAL" clId="{9F491F8D-D760-467D-AC03-57C4EEDF6134}" dt="2020-01-10T14:04:13.166" v="313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GB"/>
              <a:t>Test document 2 </a:t>
            </a:r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GB"/>
              <a:t>1551-192072 Uen, Rev PA1 </a:t>
            </a:r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7F9B9F8C-6BB0-4907-93C1-EFFD830E6E7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 mod="1"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828BEC46-0185-4C14-B1AF-D213D10DCE0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482B1DAE-385C-4B18-AF91-E8435965795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US" dirty="0"/>
            </a:br>
            <a:r>
              <a:rPr lang="en-US" dirty="0"/>
              <a:t>Ericsson Hilda Light 60pt, 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7161DCDA-C8A3-432D-993C-E4D9F94C4E0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3B622E91-4034-4291-858E-A83AC78CD8B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59D93EF0-ED11-4642-9163-15239BE5222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B82CEE11-D4F9-4413-B87E-1C41FD091C7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79F2DE5B-EF1C-4146-B836-C7FC85594F3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20111E19-F3C7-4ECD-9DA3-FC4761FA0E2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1A8DC2E5-F80B-4907-9DA9-3CF31016B18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54923757-3842-4859-B125-0E7A653408E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133AA179-2AF8-46EA-A2FE-39A94C33B5A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 mod="1"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FC1AE15E-E9ED-4688-8E67-03AF6695AF8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581F365F-A521-4AA5-8D8A-5F0FEAE0A33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AC12AE27-B0E2-4625-B0D1-D84D176E343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5CCE4B19-D220-4953-922E-725EC3118F7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08D3B1A6-562A-4C8D-8A86-D581DAD7F64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15D4F306-9332-4366-BA4F-5D3FE38EA5F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3DBB42CF-1BFE-410F-BEF3-61D8D492E9D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E6762D18-4CCA-44E1-A274-27C1FB8E5E7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AC20174D-82E9-4E82-80A5-BBA42467DAB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BE30DCA1-F96A-43EA-9143-F11F67CDCEE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83F75129-080B-42C9-94B4-9447D425B1F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3E69691B-7847-4838-9067-9E1E664CBA8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82F58953-5990-4BFD-A864-9DBE33B4E2E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DD41A84B-0EE3-492D-82F1-3E338309944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2547413C-C26F-486E-86B3-9A11A7C4C7F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2EAB1ED1-9935-4D2B-AF4F-94459E19271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B6E35E75-DD98-4A0C-8165-27B93108F56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1DE1AD05-547C-417C-8789-8D970CFCD48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4AE1313D-D2C3-4346-91E1-BAA7F5E2F42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525F3E44-416E-4E52-A1D2-678BC7ED1FD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1053D79C-5ACE-4F93-8EE9-8B0A85BFBD4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06D06B16-1DB6-4702-8CC9-162302CBA8A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B62FE48E-41FB-4E50-AB83-6EB722789E1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1-10  |  Commercial in Confidence  |  Page </a:t>
            </a:r>
            <a:fld id="{3232904A-8BB3-4A93-A0AF-2DF9DA3486F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5410059E-CD05-4972-A9B9-AEB34AA1B26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AE65799F-846B-4EDD-BB24-54D484DB07A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04398778-5535-41D3-B848-E5CA3244462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926182E7-CDDC-4712-8820-A8905767C5C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222048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1-10  |  Commercial in Confidence  |  Page </a:t>
            </a:r>
            <a:fld id="{FF831954-BFA9-4095-92B6-A355C429A4D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b23607f7-ede4-421b-a8c5-67c40fe53319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F54D311D-2157-4A35-9F56-0E8FE9FDD7BC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DECT Observations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tent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93A08AF-E8DD-44C5-A85C-B1192DD283A4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 err="1"/>
              <a:t>mMTC</a:t>
            </a:r>
            <a:endParaRPr lang="en-US" dirty="0"/>
          </a:p>
          <a:p>
            <a:r>
              <a:rPr lang="en-US" dirty="0"/>
              <a:t>URLLC – TBD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99599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F54D311D-2157-4A35-9F56-0E8FE9FDD7BC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err="1"/>
              <a:t>mMTC</a:t>
            </a:r>
            <a:endParaRPr lang="en-US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2619650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F43A1B8E-DC95-4EE1-BC70-5E5AA46159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F0B8360-8EFB-47B8-A060-8BACF6A1DE49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massive MTC solution is based on UE-relaying, i.e. UEs not only send and receive their own data, but also forward data to and from other UEs </a:t>
            </a:r>
          </a:p>
          <a:p>
            <a:r>
              <a:rPr lang="en-US" dirty="0"/>
              <a:t>This requires a routing or forwarding solution</a:t>
            </a:r>
          </a:p>
          <a:p>
            <a:r>
              <a:rPr lang="en-US" dirty="0"/>
              <a:t>It also requires modeling of the channel between UEs (not covered by ITU)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3209264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F43A1B8E-DC95-4EE1-BC70-5E5AA46159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outing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F0B8360-8EFB-47B8-A060-8BACF6A1DE49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Please describe how the routing is done</a:t>
            </a:r>
          </a:p>
          <a:p>
            <a:pPr lvl="1"/>
            <a:r>
              <a:rPr lang="en-US" dirty="0"/>
              <a:t>What is the principle?</a:t>
            </a:r>
          </a:p>
          <a:p>
            <a:pPr lvl="1"/>
            <a:r>
              <a:rPr lang="en-US" dirty="0"/>
              <a:t>How is it supported with protocols and signaling? </a:t>
            </a:r>
          </a:p>
          <a:p>
            <a:r>
              <a:rPr lang="en-US" dirty="0"/>
              <a:t>Is the overhead and interference caused by the routing taken into account in the evaluation? How?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722194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F43A1B8E-DC95-4EE1-BC70-5E5AA46159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nnel modeling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F0B8360-8EFB-47B8-A060-8BACF6A1DE49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We understand that the urban micro model has been used between UE</a:t>
            </a:r>
          </a:p>
          <a:p>
            <a:r>
              <a:rPr lang="en-US" dirty="0"/>
              <a:t>This model is for an outdoor base station and an outdoor or indoor UE</a:t>
            </a:r>
          </a:p>
          <a:p>
            <a:r>
              <a:rPr lang="en-US" dirty="0"/>
              <a:t>The model is non symmetrical in the sense that the angular spread is different at the BS and UE side</a:t>
            </a:r>
          </a:p>
          <a:p>
            <a:r>
              <a:rPr lang="en-US" dirty="0"/>
              <a:t>How has the model been modified to reflect that some UE-UE links are indoor-to-indoor?</a:t>
            </a:r>
          </a:p>
          <a:p>
            <a:r>
              <a:rPr lang="en-US" dirty="0"/>
              <a:t>How has the model been modified to deal with the angular spread differences between a UE and a base station? 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104270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5.xml><?xml version="1.0" encoding="utf-8"?>
<TemplafySlideFormConfiguration><![CDATA[{"formFields":[],"formDataEntries":[]}]]></TemplafySlide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AA7AC0C743A294CADF60F661720E3E6" ma:contentTypeVersion="11" ma:contentTypeDescription="Create a new document." ma:contentTypeScope="" ma:versionID="c8f64cc3166e9de54641a92bbc13f4fb">
  <xsd:schema xmlns:xsd="http://www.w3.org/2001/XMLSchema" xmlns:xs="http://www.w3.org/2001/XMLSchema" xmlns:p="http://schemas.microsoft.com/office/2006/metadata/properties" xmlns:ns3="db33437f-65a5-48c5-b537-19efd290f967" xmlns:ns4="6f846979-0e6f-42ff-8b87-e1893efeda99" targetNamespace="http://schemas.microsoft.com/office/2006/metadata/properties" ma:root="true" ma:fieldsID="66ef05c8cfa929431c0e8e1a5d48c7c7" ns3:_="" ns4:_="">
    <xsd:import namespace="db33437f-65a5-48c5-b537-19efd290f967"/>
    <xsd:import namespace="6f846979-0e6f-42ff-8b87-e1893efeda99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33437f-65a5-48c5-b537-19efd290f967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f846979-0e6f-42ff-8b87-e1893efeda9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MediaServiceAutoTags" ma:internalName="MediaServiceAutoTags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6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shape","id":"b23607f7-ede4-421b-a8c5-67c40fe53319","elementConfiguration":{"binding":"Form.LogoInsertion.Pplogoname","inheritDimensions":"inheritNone","height":"1.34 cm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vpkZyXPF7Yh6Gb3QvmyuRwqPSqRnJMmUrWS/3poBpII="},{"name":"ConfidentialityClass","value":"5wlu7ZdPxHQj1W0w+yTNSg=="},{"name":"ExternalConfidentialityLabel","value":"cT/FOwTWaPknrhRlNMh4SQ=="},{"name":"LanguageCode","value":"5wlu7ZdPxHQj1W0w+yTNSg=="},{"name":"Date","value":"t0d6Pvs02dFQVeQXjIP/5A=="},{"name":"TemplateType","value":"PxVEvJY8nE7m/hY9622Sng=="},{"name":"DocTitle","value":"PxVEvJY8nE7m/hY9622Sng=="},{"name":"TotalPageNo","value":"PxVEvJY8nE7m/hY9622Sng=="}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C09F197C-6A49-47D0-B877-F88807989676}">
  <ds:schemaRefs/>
</ds:datastoreItem>
</file>

<file path=customXml/itemProps10.xml><?xml version="1.0" encoding="utf-8"?>
<ds:datastoreItem xmlns:ds="http://schemas.openxmlformats.org/officeDocument/2006/customXml" ds:itemID="{822D38AD-8010-4CD3-BD6B-117CB8DF70A4}">
  <ds:schemaRefs/>
</ds:datastoreItem>
</file>

<file path=customXml/itemProps11.xml><?xml version="1.0" encoding="utf-8"?>
<ds:datastoreItem xmlns:ds="http://schemas.openxmlformats.org/officeDocument/2006/customXml" ds:itemID="{683FEB75-8CFA-449C-A6B1-B1E4A86A58A1}">
  <ds:schemaRefs/>
</ds:datastoreItem>
</file>

<file path=customXml/itemProps12.xml><?xml version="1.0" encoding="utf-8"?>
<ds:datastoreItem xmlns:ds="http://schemas.openxmlformats.org/officeDocument/2006/customXml" ds:itemID="{133923B5-513B-4C74-96A9-F3F6AC3A120C}">
  <ds:schemaRefs/>
</ds:datastoreItem>
</file>

<file path=customXml/itemProps13.xml><?xml version="1.0" encoding="utf-8"?>
<ds:datastoreItem xmlns:ds="http://schemas.openxmlformats.org/officeDocument/2006/customXml" ds:itemID="{E9ECF7CA-3604-4D5A-9C19-C1C674FB2B20}">
  <ds:schemaRefs/>
</ds:datastoreItem>
</file>

<file path=customXml/itemProps14.xml><?xml version="1.0" encoding="utf-8"?>
<ds:datastoreItem xmlns:ds="http://schemas.openxmlformats.org/officeDocument/2006/customXml" ds:itemID="{1CE36EA9-2186-4EB1-871A-8AE59C2A13BB}">
  <ds:schemaRefs/>
</ds:datastoreItem>
</file>

<file path=customXml/itemProps15.xml><?xml version="1.0" encoding="utf-8"?>
<ds:datastoreItem xmlns:ds="http://schemas.openxmlformats.org/officeDocument/2006/customXml" ds:itemID="{58CC0B31-82B9-497A-9A2E-F3F72D0BBDAD}">
  <ds:schemaRefs/>
</ds:datastoreItem>
</file>

<file path=customXml/itemProps2.xml><?xml version="1.0" encoding="utf-8"?>
<ds:datastoreItem xmlns:ds="http://schemas.openxmlformats.org/officeDocument/2006/customXml" ds:itemID="{FBCBFF32-2C4C-4D2D-B277-62C5FA3895E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b33437f-65a5-48c5-b537-19efd290f967"/>
    <ds:schemaRef ds:uri="6f846979-0e6f-42ff-8b87-e1893efeda9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07958A4E-FAB1-42E4-B6B5-29B01F63F87B}">
  <ds:schemaRefs/>
</ds:datastoreItem>
</file>

<file path=customXml/itemProps4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D92C3DF5-A179-4E2D-BD20-07044B39171F}">
  <ds:schemaRefs/>
</ds:datastoreItem>
</file>

<file path=customXml/itemProps6.xml><?xml version="1.0" encoding="utf-8"?>
<ds:datastoreItem xmlns:ds="http://schemas.openxmlformats.org/officeDocument/2006/customXml" ds:itemID="{B9AEDDE3-EA02-4A8F-B8F8-0606A0AA45FC}">
  <ds:schemaRefs/>
</ds:datastoreItem>
</file>

<file path=customXml/itemProps7.xml><?xml version="1.0" encoding="utf-8"?>
<ds:datastoreItem xmlns:ds="http://schemas.openxmlformats.org/officeDocument/2006/customXml" ds:itemID="{56F2EE69-0CCA-4F48-BE22-EC4A886C57A7}">
  <ds:schemaRefs>
    <ds:schemaRef ds:uri="http://purl.org/dc/elements/1.1/"/>
    <ds:schemaRef ds:uri="http://schemas.microsoft.com/office/2006/metadata/properties"/>
    <ds:schemaRef ds:uri="db33437f-65a5-48c5-b537-19efd290f967"/>
    <ds:schemaRef ds:uri="http://purl.org/dc/terms/"/>
    <ds:schemaRef ds:uri="6f846979-0e6f-42ff-8b87-e1893efeda9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8.xml><?xml version="1.0" encoding="utf-8"?>
<ds:datastoreItem xmlns:ds="http://schemas.openxmlformats.org/officeDocument/2006/customXml" ds:itemID="{32BA7684-6BE4-4F73-B22E-30934AB379B8}">
  <ds:schemaRefs/>
</ds:datastoreItem>
</file>

<file path=customXml/itemProps9.xml><?xml version="1.0" encoding="utf-8"?>
<ds:datastoreItem xmlns:ds="http://schemas.openxmlformats.org/officeDocument/2006/customXml" ds:itemID="{72516535-7702-46AF-9B1F-8623A67A82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2688</TotalTime>
  <Words>197</Words>
  <Application>Microsoft Office PowerPoint</Application>
  <PresentationFormat>Widescreen</PresentationFormat>
  <Paragraphs>24</Paragraphs>
  <Slides>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1" baseType="lpstr">
      <vt:lpstr>Ericsson Hilda</vt:lpstr>
      <vt:lpstr>Ericsson Hilda Light</vt:lpstr>
      <vt:lpstr>Ericsson Technical Icons</vt:lpstr>
      <vt:lpstr>PresentationTemplate2017</vt:lpstr>
      <vt:lpstr>DECT Observations</vt:lpstr>
      <vt:lpstr>Contents</vt:lpstr>
      <vt:lpstr>mMTC</vt:lpstr>
      <vt:lpstr>Introduction</vt:lpstr>
      <vt:lpstr>Routing</vt:lpstr>
      <vt:lpstr>Channel modeling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ECT observations</dc:title>
  <dc:creator/>
  <cp:keywords/>
  <dc:description> 
Rev </dc:description>
  <cp:lastModifiedBy>Anders Furuskär</cp:lastModifiedBy>
  <cp:revision>126</cp:revision>
  <dcterms:created xsi:type="dcterms:W3CDTF">2019-04-23T15:12:54Z</dcterms:created>
  <dcterms:modified xsi:type="dcterms:W3CDTF">2020-01-10T14:04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3AA7AC0C743A294CADF60F661720E3E6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0-24T08:16:00.757973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5251764084337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Internal</vt:lpwstr>
  </property>
  <property fmtid="{D5CDD505-2E9C-101B-9397-08002B2CF9AE}" pid="15" name="ExtConf">
    <vt:lpwstr>Commercial in Confidence</vt:lpwstr>
  </property>
  <property fmtid="{D5CDD505-2E9C-101B-9397-08002B2CF9AE}" pid="16" name="Prepared">
    <vt:lpwstr/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1-10</vt:lpwstr>
  </property>
  <property fmtid="{D5CDD505-2E9C-101B-9397-08002B2CF9AE}" pid="21" name="Reference">
    <vt:lpwstr/>
  </property>
  <property fmtid="{D5CDD505-2E9C-101B-9397-08002B2CF9AE}" pid="22" name="Title">
    <vt:lpwstr>DECT observations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